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</p:sldMasterIdLst>
  <p:sldIdLst>
    <p:sldId id="257" r:id="rId5"/>
    <p:sldId id="271" r:id="rId6"/>
    <p:sldId id="274" r:id="rId7"/>
    <p:sldId id="273" r:id="rId8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1E32FA"/>
    <a:srgbClr val="FAC83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E1C21F0E-755A-4C93-9F63-5AA607826F16}" v="104" dt="2024-06-06T14:02:15.447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/>
  </p:normalViewPr>
  <p:slideViewPr>
    <p:cSldViewPr snapToGrid="0" showGuides="1">
      <p:cViewPr>
        <p:scale>
          <a:sx n="50" d="100"/>
          <a:sy n="50" d="100"/>
        </p:scale>
        <p:origin x="212" y="404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microsoft.com/office/2016/11/relationships/changesInfo" Target="changesInfos/changesInfo1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tableStyles" Target="tableStyle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theme" Target="theme/theme1.xml"/><Relationship Id="rId5" Type="http://schemas.openxmlformats.org/officeDocument/2006/relationships/slide" Target="slides/slide1.xml"/><Relationship Id="rId10" Type="http://schemas.openxmlformats.org/officeDocument/2006/relationships/viewProps" Target="viewProps.xml"/><Relationship Id="rId4" Type="http://schemas.openxmlformats.org/officeDocument/2006/relationships/slideMaster" Target="slideMasters/slideMaster1.xml"/><Relationship Id="rId9" Type="http://schemas.openxmlformats.org/officeDocument/2006/relationships/presProps" Target="presProps.xml"/><Relationship Id="rId14" Type="http://schemas.microsoft.com/office/2015/10/relationships/revisionInfo" Target="revisionInfo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Miora Rakotomavo" userId="0542eb8e-0c83-4bd8-bda9-0dca6cb8b5f9" providerId="ADAL" clId="{E1C21F0E-755A-4C93-9F63-5AA607826F16}"/>
    <pc:docChg chg="undo custSel modSld">
      <pc:chgData name="Miora Rakotomavo" userId="0542eb8e-0c83-4bd8-bda9-0dca6cb8b5f9" providerId="ADAL" clId="{E1C21F0E-755A-4C93-9F63-5AA607826F16}" dt="2024-06-06T14:02:33.705" v="381" actId="34135"/>
      <pc:docMkLst>
        <pc:docMk/>
      </pc:docMkLst>
      <pc:sldChg chg="addSp delSp modSp mod">
        <pc:chgData name="Miora Rakotomavo" userId="0542eb8e-0c83-4bd8-bda9-0dca6cb8b5f9" providerId="ADAL" clId="{E1C21F0E-755A-4C93-9F63-5AA607826F16}" dt="2024-06-06T14:02:33.705" v="381" actId="34135"/>
        <pc:sldMkLst>
          <pc:docMk/>
          <pc:sldMk cId="2748576720" sldId="257"/>
        </pc:sldMkLst>
        <pc:spChg chg="add del mod">
          <ac:chgData name="Miora Rakotomavo" userId="0542eb8e-0c83-4bd8-bda9-0dca6cb8b5f9" providerId="ADAL" clId="{E1C21F0E-755A-4C93-9F63-5AA607826F16}" dt="2024-06-06T14:02:33.705" v="381" actId="34135"/>
          <ac:spMkLst>
            <pc:docMk/>
            <pc:sldMk cId="2748576720" sldId="257"/>
            <ac:spMk id="11" creationId="{1F2D0138-A200-A91F-7B3D-2516AE2A5E50}"/>
          </ac:spMkLst>
        </pc:spChg>
        <pc:spChg chg="mod modVis">
          <ac:chgData name="Miora Rakotomavo" userId="0542eb8e-0c83-4bd8-bda9-0dca6cb8b5f9" providerId="ADAL" clId="{E1C21F0E-755A-4C93-9F63-5AA607826F16}" dt="2024-06-06T13:30:11.614" v="12" actId="14430"/>
          <ac:spMkLst>
            <pc:docMk/>
            <pc:sldMk cId="2748576720" sldId="257"/>
            <ac:spMk id="14" creationId="{A291C34A-FAF1-683D-3DA4-62261254622A}"/>
          </ac:spMkLst>
        </pc:spChg>
        <pc:spChg chg="add del mod modVis">
          <ac:chgData name="Miora Rakotomavo" userId="0542eb8e-0c83-4bd8-bda9-0dca6cb8b5f9" providerId="ADAL" clId="{E1C21F0E-755A-4C93-9F63-5AA607826F16}" dt="2024-06-06T13:30:10.997" v="11" actId="14430"/>
          <ac:spMkLst>
            <pc:docMk/>
            <pc:sldMk cId="2748576720" sldId="257"/>
            <ac:spMk id="15" creationId="{240937C8-2FBF-6840-8CC4-B3BF5AAC90EF}"/>
          </ac:spMkLst>
        </pc:spChg>
        <pc:spChg chg="mod">
          <ac:chgData name="Miora Rakotomavo" userId="0542eb8e-0c83-4bd8-bda9-0dca6cb8b5f9" providerId="ADAL" clId="{E1C21F0E-755A-4C93-9F63-5AA607826F16}" dt="2024-06-06T14:02:33.705" v="381" actId="34135"/>
          <ac:spMkLst>
            <pc:docMk/>
            <pc:sldMk cId="2748576720" sldId="257"/>
            <ac:spMk id="16" creationId="{A8B114A4-2918-EB2B-8534-67CCE7C155A4}"/>
          </ac:spMkLst>
        </pc:spChg>
        <pc:spChg chg="mod modVis">
          <ac:chgData name="Miora Rakotomavo" userId="0542eb8e-0c83-4bd8-bda9-0dca6cb8b5f9" providerId="ADAL" clId="{E1C21F0E-755A-4C93-9F63-5AA607826F16}" dt="2024-06-06T14:02:33.705" v="381" actId="34135"/>
          <ac:spMkLst>
            <pc:docMk/>
            <pc:sldMk cId="2748576720" sldId="257"/>
            <ac:spMk id="18" creationId="{3303AB1C-A1C6-67B3-6D5F-F41ABB624B23}"/>
          </ac:spMkLst>
        </pc:spChg>
        <pc:spChg chg="mod modVis">
          <ac:chgData name="Miora Rakotomavo" userId="0542eb8e-0c83-4bd8-bda9-0dca6cb8b5f9" providerId="ADAL" clId="{E1C21F0E-755A-4C93-9F63-5AA607826F16}" dt="2024-06-06T14:02:33.705" v="381" actId="34135"/>
          <ac:spMkLst>
            <pc:docMk/>
            <pc:sldMk cId="2748576720" sldId="257"/>
            <ac:spMk id="20" creationId="{8D96D94B-D357-E9CA-7764-2CC38A083F16}"/>
          </ac:spMkLst>
        </pc:spChg>
        <pc:spChg chg="del mod modVis">
          <ac:chgData name="Miora Rakotomavo" userId="0542eb8e-0c83-4bd8-bda9-0dca6cb8b5f9" providerId="ADAL" clId="{E1C21F0E-755A-4C93-9F63-5AA607826F16}" dt="2024-06-06T13:33:39.389" v="135" actId="478"/>
          <ac:spMkLst>
            <pc:docMk/>
            <pc:sldMk cId="2748576720" sldId="257"/>
            <ac:spMk id="35" creationId="{32CEF7D5-037E-404D-B964-AAAAD721CD04}"/>
          </ac:spMkLst>
        </pc:spChg>
        <pc:picChg chg="del">
          <ac:chgData name="Miora Rakotomavo" userId="0542eb8e-0c83-4bd8-bda9-0dca6cb8b5f9" providerId="ADAL" clId="{E1C21F0E-755A-4C93-9F63-5AA607826F16}" dt="2024-06-06T13:30:24.849" v="36"/>
          <ac:picMkLst>
            <pc:docMk/>
            <pc:sldMk cId="2748576720" sldId="257"/>
            <ac:picMk id="2" creationId="{61C2474F-E5B9-C2CE-1BAF-78E94F50143B}"/>
          </ac:picMkLst>
        </pc:picChg>
        <pc:picChg chg="add del mod ord modVis">
          <ac:chgData name="Miora Rakotomavo" userId="0542eb8e-0c83-4bd8-bda9-0dca6cb8b5f9" providerId="ADAL" clId="{E1C21F0E-755A-4C93-9F63-5AA607826F16}" dt="2024-06-06T14:02:33.705" v="381" actId="34135"/>
          <ac:picMkLst>
            <pc:docMk/>
            <pc:sldMk cId="2748576720" sldId="257"/>
            <ac:picMk id="3" creationId="{4C8D5E7D-B7D0-956A-CC67-9F47B016CA29}"/>
          </ac:picMkLst>
        </pc:picChg>
        <pc:picChg chg="add mod replST modCrop">
          <ac:chgData name="Miora Rakotomavo" userId="0542eb8e-0c83-4bd8-bda9-0dca6cb8b5f9" providerId="ADAL" clId="{E1C21F0E-755A-4C93-9F63-5AA607826F16}" dt="2024-06-06T14:02:33.705" v="381" actId="34135"/>
          <ac:picMkLst>
            <pc:docMk/>
            <pc:sldMk cId="2748576720" sldId="257"/>
            <ac:picMk id="5" creationId="{852D754B-F7AD-852B-765F-77F02CB4C2F8}"/>
          </ac:picMkLst>
        </pc:picChg>
        <pc:picChg chg="add del mod ord replST delST">
          <ac:chgData name="Miora Rakotomavo" userId="0542eb8e-0c83-4bd8-bda9-0dca6cb8b5f9" providerId="ADAL" clId="{E1C21F0E-755A-4C93-9F63-5AA607826F16}" dt="2024-06-06T13:32:42.293" v="102"/>
          <ac:picMkLst>
            <pc:docMk/>
            <pc:sldMk cId="2748576720" sldId="257"/>
            <ac:picMk id="7" creationId="{A1D58447-5265-C184-D155-0FF946EEAB7F}"/>
          </ac:picMkLst>
        </pc:picChg>
        <pc:picChg chg="add mod ord modVis replST">
          <ac:chgData name="Miora Rakotomavo" userId="0542eb8e-0c83-4bd8-bda9-0dca6cb8b5f9" providerId="ADAL" clId="{E1C21F0E-755A-4C93-9F63-5AA607826F16}" dt="2024-06-06T14:02:33.705" v="381" actId="34135"/>
          <ac:picMkLst>
            <pc:docMk/>
            <pc:sldMk cId="2748576720" sldId="257"/>
            <ac:picMk id="9" creationId="{F0C02F47-3EEA-378B-0C69-BFAA50BC864D}"/>
          </ac:picMkLst>
        </pc:picChg>
      </pc:sldChg>
      <pc:sldChg chg="addSp modSp mod">
        <pc:chgData name="Miora Rakotomavo" userId="0542eb8e-0c83-4bd8-bda9-0dca6cb8b5f9" providerId="ADAL" clId="{E1C21F0E-755A-4C93-9F63-5AA607826F16}" dt="2024-06-06T14:00:35.876" v="380" actId="20577"/>
        <pc:sldMkLst>
          <pc:docMk/>
          <pc:sldMk cId="3035780936" sldId="271"/>
        </pc:sldMkLst>
        <pc:spChg chg="mod">
          <ac:chgData name="Miora Rakotomavo" userId="0542eb8e-0c83-4bd8-bda9-0dca6cb8b5f9" providerId="ADAL" clId="{E1C21F0E-755A-4C93-9F63-5AA607826F16}" dt="2024-06-06T14:00:35.876" v="380" actId="20577"/>
          <ac:spMkLst>
            <pc:docMk/>
            <pc:sldMk cId="3035780936" sldId="271"/>
            <ac:spMk id="5" creationId="{8C2F15C8-4893-5703-E7FC-E8C0F7FE8EDB}"/>
          </ac:spMkLst>
        </pc:spChg>
        <pc:spChg chg="mod">
          <ac:chgData name="Miora Rakotomavo" userId="0542eb8e-0c83-4bd8-bda9-0dca6cb8b5f9" providerId="ADAL" clId="{E1C21F0E-755A-4C93-9F63-5AA607826F16}" dt="2024-06-06T14:00:15.176" v="374" actId="34135"/>
          <ac:spMkLst>
            <pc:docMk/>
            <pc:sldMk cId="3035780936" sldId="271"/>
            <ac:spMk id="6" creationId="{04399CA1-5DA6-32CA-ACDE-30862877F8EC}"/>
          </ac:spMkLst>
        </pc:spChg>
        <pc:spChg chg="mod">
          <ac:chgData name="Miora Rakotomavo" userId="0542eb8e-0c83-4bd8-bda9-0dca6cb8b5f9" providerId="ADAL" clId="{E1C21F0E-755A-4C93-9F63-5AA607826F16}" dt="2024-06-06T14:00:15.176" v="374" actId="34135"/>
          <ac:spMkLst>
            <pc:docMk/>
            <pc:sldMk cId="3035780936" sldId="271"/>
            <ac:spMk id="7" creationId="{E1C7CD47-F576-3C6F-9848-00BF57B90D2F}"/>
          </ac:spMkLst>
        </pc:spChg>
        <pc:spChg chg="mod">
          <ac:chgData name="Miora Rakotomavo" userId="0542eb8e-0c83-4bd8-bda9-0dca6cb8b5f9" providerId="ADAL" clId="{E1C21F0E-755A-4C93-9F63-5AA607826F16}" dt="2024-06-06T14:00:15.176" v="374" actId="34135"/>
          <ac:spMkLst>
            <pc:docMk/>
            <pc:sldMk cId="3035780936" sldId="271"/>
            <ac:spMk id="8" creationId="{AFD15A59-DA47-30A9-D656-37ABA7E3435F}"/>
          </ac:spMkLst>
        </pc:spChg>
        <pc:spChg chg="mod">
          <ac:chgData name="Miora Rakotomavo" userId="0542eb8e-0c83-4bd8-bda9-0dca6cb8b5f9" providerId="ADAL" clId="{E1C21F0E-755A-4C93-9F63-5AA607826F16}" dt="2024-06-06T14:00:15.176" v="374" actId="34135"/>
          <ac:spMkLst>
            <pc:docMk/>
            <pc:sldMk cId="3035780936" sldId="271"/>
            <ac:spMk id="9" creationId="{9543E7CF-3937-9A7A-08C9-8A48D71088C4}"/>
          </ac:spMkLst>
        </pc:spChg>
        <pc:grpChg chg="add mod">
          <ac:chgData name="Miora Rakotomavo" userId="0542eb8e-0c83-4bd8-bda9-0dca6cb8b5f9" providerId="ADAL" clId="{E1C21F0E-755A-4C93-9F63-5AA607826F16}" dt="2024-06-06T14:00:15.176" v="374" actId="34135"/>
          <ac:grpSpMkLst>
            <pc:docMk/>
            <pc:sldMk cId="3035780936" sldId="271"/>
            <ac:grpSpMk id="2" creationId="{0CFE268F-2B5A-FE18-B803-8209BD2B547A}"/>
          </ac:grpSpMkLst>
        </pc:grpChg>
        <pc:picChg chg="mod">
          <ac:chgData name="Miora Rakotomavo" userId="0542eb8e-0c83-4bd8-bda9-0dca6cb8b5f9" providerId="ADAL" clId="{E1C21F0E-755A-4C93-9F63-5AA607826F16}" dt="2024-06-06T14:00:15.176" v="374" actId="34135"/>
          <ac:picMkLst>
            <pc:docMk/>
            <pc:sldMk cId="3035780936" sldId="271"/>
            <ac:picMk id="4" creationId="{1A038923-FFF2-2388-BD59-A0D9B2853285}"/>
          </ac:picMkLst>
        </pc:picChg>
      </pc:sldChg>
      <pc:sldChg chg="addSp delSp modSp mod">
        <pc:chgData name="Miora Rakotomavo" userId="0542eb8e-0c83-4bd8-bda9-0dca6cb8b5f9" providerId="ADAL" clId="{E1C21F0E-755A-4C93-9F63-5AA607826F16}" dt="2024-06-06T13:48:23.008" v="328"/>
        <pc:sldMkLst>
          <pc:docMk/>
          <pc:sldMk cId="245014488" sldId="273"/>
        </pc:sldMkLst>
        <pc:spChg chg="mod">
          <ac:chgData name="Miora Rakotomavo" userId="0542eb8e-0c83-4bd8-bda9-0dca6cb8b5f9" providerId="ADAL" clId="{E1C21F0E-755A-4C93-9F63-5AA607826F16}" dt="2024-06-06T13:47:40.902" v="304" actId="20577"/>
          <ac:spMkLst>
            <pc:docMk/>
            <pc:sldMk cId="245014488" sldId="273"/>
            <ac:spMk id="13" creationId="{80DD1537-C023-F9B5-D2DB-4018078B50A5}"/>
          </ac:spMkLst>
        </pc:spChg>
        <pc:spChg chg="mod">
          <ac:chgData name="Miora Rakotomavo" userId="0542eb8e-0c83-4bd8-bda9-0dca6cb8b5f9" providerId="ADAL" clId="{E1C21F0E-755A-4C93-9F63-5AA607826F16}" dt="2024-06-06T13:48:11.990" v="326"/>
          <ac:spMkLst>
            <pc:docMk/>
            <pc:sldMk cId="245014488" sldId="273"/>
            <ac:spMk id="16" creationId="{07C902A9-9103-7969-CCAD-88221A12D727}"/>
          </ac:spMkLst>
        </pc:spChg>
        <pc:spChg chg="mod">
          <ac:chgData name="Miora Rakotomavo" userId="0542eb8e-0c83-4bd8-bda9-0dca6cb8b5f9" providerId="ADAL" clId="{E1C21F0E-755A-4C93-9F63-5AA607826F16}" dt="2024-06-06T13:47:57.689" v="325" actId="20577"/>
          <ac:spMkLst>
            <pc:docMk/>
            <pc:sldMk cId="245014488" sldId="273"/>
            <ac:spMk id="17" creationId="{7E242B1F-447C-C2FD-5776-51AA6272A986}"/>
          </ac:spMkLst>
        </pc:spChg>
        <pc:spChg chg="mod modVis">
          <ac:chgData name="Miora Rakotomavo" userId="0542eb8e-0c83-4bd8-bda9-0dca6cb8b5f9" providerId="ADAL" clId="{E1C21F0E-755A-4C93-9F63-5AA607826F16}" dt="2024-06-06T13:47:18.201" v="285" actId="14430"/>
          <ac:spMkLst>
            <pc:docMk/>
            <pc:sldMk cId="245014488" sldId="273"/>
            <ac:spMk id="20" creationId="{FCC6A519-6155-F845-C6B6-5A88787A7D37}"/>
          </ac:spMkLst>
        </pc:spChg>
        <pc:spChg chg="mod modVis">
          <ac:chgData name="Miora Rakotomavo" userId="0542eb8e-0c83-4bd8-bda9-0dca6cb8b5f9" providerId="ADAL" clId="{E1C21F0E-755A-4C93-9F63-5AA607826F16}" dt="2024-06-06T13:47:17.681" v="284" actId="14430"/>
          <ac:spMkLst>
            <pc:docMk/>
            <pc:sldMk cId="245014488" sldId="273"/>
            <ac:spMk id="21" creationId="{2C9E56AD-2E0C-0A5B-FA37-14D0A98D3041}"/>
          </ac:spMkLst>
        </pc:spChg>
        <pc:spChg chg="del">
          <ac:chgData name="Miora Rakotomavo" userId="0542eb8e-0c83-4bd8-bda9-0dca6cb8b5f9" providerId="ADAL" clId="{E1C21F0E-755A-4C93-9F63-5AA607826F16}" dt="2024-06-06T13:48:19.395" v="327" actId="478"/>
          <ac:spMkLst>
            <pc:docMk/>
            <pc:sldMk cId="245014488" sldId="273"/>
            <ac:spMk id="35" creationId="{32CEF7D5-037E-404D-B964-AAAAD721CD04}"/>
          </ac:spMkLst>
        </pc:spChg>
        <pc:picChg chg="mod ord">
          <ac:chgData name="Miora Rakotomavo" userId="0542eb8e-0c83-4bd8-bda9-0dca6cb8b5f9" providerId="ADAL" clId="{E1C21F0E-755A-4C93-9F63-5AA607826F16}" dt="2024-06-06T13:43:20.006" v="279" actId="13244"/>
          <ac:picMkLst>
            <pc:docMk/>
            <pc:sldMk cId="245014488" sldId="273"/>
            <ac:picMk id="2" creationId="{52E54D61-6F3F-E6B7-5F6F-590439554BC3}"/>
          </ac:picMkLst>
        </pc:picChg>
        <pc:picChg chg="del">
          <ac:chgData name="Miora Rakotomavo" userId="0542eb8e-0c83-4bd8-bda9-0dca6cb8b5f9" providerId="ADAL" clId="{E1C21F0E-755A-4C93-9F63-5AA607826F16}" dt="2024-06-06T13:43:41.043" v="280" actId="478"/>
          <ac:picMkLst>
            <pc:docMk/>
            <pc:sldMk cId="245014488" sldId="273"/>
            <ac:picMk id="3" creationId="{9F304585-705E-3C82-2C47-1FE1408D1DED}"/>
          </ac:picMkLst>
        </pc:picChg>
        <pc:picChg chg="add mod">
          <ac:chgData name="Miora Rakotomavo" userId="0542eb8e-0c83-4bd8-bda9-0dca6cb8b5f9" providerId="ADAL" clId="{E1C21F0E-755A-4C93-9F63-5AA607826F16}" dt="2024-06-06T13:43:45.672" v="281"/>
          <ac:picMkLst>
            <pc:docMk/>
            <pc:sldMk cId="245014488" sldId="273"/>
            <ac:picMk id="4" creationId="{D8B09F88-DA42-3B7F-1F97-0A6B2198816A}"/>
          </ac:picMkLst>
        </pc:picChg>
        <pc:picChg chg="add mod">
          <ac:chgData name="Miora Rakotomavo" userId="0542eb8e-0c83-4bd8-bda9-0dca6cb8b5f9" providerId="ADAL" clId="{E1C21F0E-755A-4C93-9F63-5AA607826F16}" dt="2024-06-06T13:48:23.008" v="328"/>
          <ac:picMkLst>
            <pc:docMk/>
            <pc:sldMk cId="245014488" sldId="273"/>
            <ac:picMk id="5" creationId="{3013CA06-F330-6E46-604C-CBCD36358C3B}"/>
          </ac:picMkLst>
        </pc:picChg>
      </pc:sldChg>
      <pc:sldChg chg="addSp delSp modSp mod">
        <pc:chgData name="Miora Rakotomavo" userId="0542eb8e-0c83-4bd8-bda9-0dca6cb8b5f9" providerId="ADAL" clId="{E1C21F0E-755A-4C93-9F63-5AA607826F16}" dt="2024-06-06T13:54:33.586" v="330" actId="478"/>
        <pc:sldMkLst>
          <pc:docMk/>
          <pc:sldMk cId="789460267" sldId="274"/>
        </pc:sldMkLst>
        <pc:spChg chg="mod modVis">
          <ac:chgData name="Miora Rakotomavo" userId="0542eb8e-0c83-4bd8-bda9-0dca6cb8b5f9" providerId="ADAL" clId="{E1C21F0E-755A-4C93-9F63-5AA607826F16}" dt="2024-06-06T13:35:11.187" v="173" actId="14429"/>
          <ac:spMkLst>
            <pc:docMk/>
            <pc:sldMk cId="789460267" sldId="274"/>
            <ac:spMk id="5" creationId="{3805FF7A-3484-1EDE-7EE4-BBE196BA4DB2}"/>
          </ac:spMkLst>
        </pc:spChg>
        <pc:spChg chg="add del mod">
          <ac:chgData name="Miora Rakotomavo" userId="0542eb8e-0c83-4bd8-bda9-0dca6cb8b5f9" providerId="ADAL" clId="{E1C21F0E-755A-4C93-9F63-5AA607826F16}" dt="2024-06-06T13:35:49.095" v="185"/>
          <ac:spMkLst>
            <pc:docMk/>
            <pc:sldMk cId="789460267" sldId="274"/>
            <ac:spMk id="6" creationId="{DA67BBE0-A646-ED5A-E348-3C05FDFCD252}"/>
          </ac:spMkLst>
        </pc:spChg>
        <pc:spChg chg="mod modVis">
          <ac:chgData name="Miora Rakotomavo" userId="0542eb8e-0c83-4bd8-bda9-0dca6cb8b5f9" providerId="ADAL" clId="{E1C21F0E-755A-4C93-9F63-5AA607826F16}" dt="2024-06-06T13:35:13.019" v="174" actId="33935"/>
          <ac:spMkLst>
            <pc:docMk/>
            <pc:sldMk cId="789460267" sldId="274"/>
            <ac:spMk id="7" creationId="{22BEFDDE-4F75-E4C1-D461-F2DC7262A728}"/>
          </ac:spMkLst>
        </pc:spChg>
        <pc:spChg chg="add del mod">
          <ac:chgData name="Miora Rakotomavo" userId="0542eb8e-0c83-4bd8-bda9-0dca6cb8b5f9" providerId="ADAL" clId="{E1C21F0E-755A-4C93-9F63-5AA607826F16}" dt="2024-06-06T13:35:55.841" v="188"/>
          <ac:spMkLst>
            <pc:docMk/>
            <pc:sldMk cId="789460267" sldId="274"/>
            <ac:spMk id="9" creationId="{B97E3A0D-574C-7D79-A4AE-918114BB86D4}"/>
          </ac:spMkLst>
        </pc:spChg>
        <pc:spChg chg="del mod modVis">
          <ac:chgData name="Miora Rakotomavo" userId="0542eb8e-0c83-4bd8-bda9-0dca6cb8b5f9" providerId="ADAL" clId="{E1C21F0E-755A-4C93-9F63-5AA607826F16}" dt="2024-06-06T13:41:25.249" v="224"/>
          <ac:spMkLst>
            <pc:docMk/>
            <pc:sldMk cId="789460267" sldId="274"/>
            <ac:spMk id="11" creationId="{D7117594-489B-29F6-A61E-4717D1FEDA54}"/>
          </ac:spMkLst>
        </pc:spChg>
        <pc:spChg chg="add del mod ord">
          <ac:chgData name="Miora Rakotomavo" userId="0542eb8e-0c83-4bd8-bda9-0dca6cb8b5f9" providerId="ADAL" clId="{E1C21F0E-755A-4C93-9F63-5AA607826F16}" dt="2024-06-06T13:54:33.586" v="330" actId="478"/>
          <ac:spMkLst>
            <pc:docMk/>
            <pc:sldMk cId="789460267" sldId="274"/>
            <ac:spMk id="13" creationId="{FFC8D8F1-EAF3-74D2-C31C-82400BA41FD9}"/>
          </ac:spMkLst>
        </pc:spChg>
        <pc:spChg chg="mod modVis">
          <ac:chgData name="Miora Rakotomavo" userId="0542eb8e-0c83-4bd8-bda9-0dca6cb8b5f9" providerId="ADAL" clId="{E1C21F0E-755A-4C93-9F63-5AA607826F16}" dt="2024-06-06T13:47:14.252" v="283" actId="14430"/>
          <ac:spMkLst>
            <pc:docMk/>
            <pc:sldMk cId="789460267" sldId="274"/>
            <ac:spMk id="25" creationId="{EB13819F-B49E-D35D-0D0C-BC851B9E8ACC}"/>
          </ac:spMkLst>
        </pc:spChg>
        <pc:spChg chg="mod modVis">
          <ac:chgData name="Miora Rakotomavo" userId="0542eb8e-0c83-4bd8-bda9-0dca6cb8b5f9" providerId="ADAL" clId="{E1C21F0E-755A-4C93-9F63-5AA607826F16}" dt="2024-06-06T13:47:13.801" v="282" actId="14430"/>
          <ac:spMkLst>
            <pc:docMk/>
            <pc:sldMk cId="789460267" sldId="274"/>
            <ac:spMk id="26" creationId="{0C66D4ED-97EC-DF3F-0205-E6F256E31683}"/>
          </ac:spMkLst>
        </pc:spChg>
        <pc:spChg chg="add del mod">
          <ac:chgData name="Miora Rakotomavo" userId="0542eb8e-0c83-4bd8-bda9-0dca6cb8b5f9" providerId="ADAL" clId="{E1C21F0E-755A-4C93-9F63-5AA607826F16}" dt="2024-06-06T13:40:51.233" v="222" actId="20577"/>
          <ac:spMkLst>
            <pc:docMk/>
            <pc:sldMk cId="789460267" sldId="274"/>
            <ac:spMk id="30" creationId="{1FCC11C5-30B0-29D7-2555-EE00887DAECF}"/>
          </ac:spMkLst>
        </pc:spChg>
        <pc:picChg chg="add del mod ord">
          <ac:chgData name="Miora Rakotomavo" userId="0542eb8e-0c83-4bd8-bda9-0dca6cb8b5f9" providerId="ADAL" clId="{E1C21F0E-755A-4C93-9F63-5AA607826F16}" dt="2024-06-06T13:35:33.086" v="181" actId="13244"/>
          <ac:picMkLst>
            <pc:docMk/>
            <pc:sldMk cId="789460267" sldId="274"/>
            <ac:picMk id="2" creationId="{C4A91859-DAEA-4C22-1362-9EBAC0365C4B}"/>
          </ac:picMkLst>
        </pc:picChg>
        <pc:picChg chg="del ord">
          <ac:chgData name="Miora Rakotomavo" userId="0542eb8e-0c83-4bd8-bda9-0dca6cb8b5f9" providerId="ADAL" clId="{E1C21F0E-755A-4C93-9F63-5AA607826F16}" dt="2024-06-06T13:35:37.419" v="182" actId="478"/>
          <ac:picMkLst>
            <pc:docMk/>
            <pc:sldMk cId="789460267" sldId="274"/>
            <ac:picMk id="3" creationId="{5D2EE2A2-9503-F020-F6DA-9A4873423460}"/>
          </ac:picMkLst>
        </pc:picChg>
        <pc:picChg chg="add mod">
          <ac:chgData name="Miora Rakotomavo" userId="0542eb8e-0c83-4bd8-bda9-0dca6cb8b5f9" providerId="ADAL" clId="{E1C21F0E-755A-4C93-9F63-5AA607826F16}" dt="2024-06-06T13:35:41.810" v="183"/>
          <ac:picMkLst>
            <pc:docMk/>
            <pc:sldMk cId="789460267" sldId="274"/>
            <ac:picMk id="4" creationId="{2A74A773-C2FD-5931-748E-9914629BCBD9}"/>
          </ac:picMkLst>
        </pc:picChg>
        <pc:picChg chg="del">
          <ac:chgData name="Miora Rakotomavo" userId="0542eb8e-0c83-4bd8-bda9-0dca6cb8b5f9" providerId="ADAL" clId="{E1C21F0E-755A-4C93-9F63-5AA607826F16}" dt="2024-06-06T13:41:25.264" v="248"/>
          <ac:picMkLst>
            <pc:docMk/>
            <pc:sldMk cId="789460267" sldId="274"/>
            <ac:picMk id="8" creationId="{46DFBB2B-1A8E-05A8-5E80-3CF1EE32AE28}"/>
          </ac:picMkLst>
        </pc:picChg>
        <pc:picChg chg="add mod ord replST modCrop">
          <ac:chgData name="Miora Rakotomavo" userId="0542eb8e-0c83-4bd8-bda9-0dca6cb8b5f9" providerId="ADAL" clId="{E1C21F0E-755A-4C93-9F63-5AA607826F16}" dt="2024-06-06T13:41:47.256" v="274" actId="1076"/>
          <ac:picMkLst>
            <pc:docMk/>
            <pc:sldMk cId="789460267" sldId="274"/>
            <ac:picMk id="12" creationId="{95DD9F2F-7B35-8529-4457-D4EB68B53761}"/>
          </ac:picMkLst>
        </pc:picChg>
      </pc:sldChg>
    </pc:docChg>
  </pc:docChgLst>
</pc:chgInfo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AED7D9A-DBB2-5B09-3C4E-B34CD777E77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746DFE0-73D0-6770-D3B7-250E231CFAE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77CB565-2FDD-87AE-742B-4E5D5908FF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AA69CDD-D321-07EB-6E78-B518ED0FE88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A00676D-739B-AFB4-B953-B25EA0078F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7091491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5AE977F-59B5-CA01-7821-EF3200AD664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FD695CA-F150-5E0D-5472-1BD59C6DA82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6DCE359-7D4A-E593-FA6D-736A526DF1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989093-E97A-70B1-9B1B-679F1737CEA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0AB97E4-93C6-8FD5-132F-96F6DBC8C66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7854132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E2BE995-9202-043E-F214-6A571ABB11C2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FD2255B-3B7B-1A90-6D46-B48F93ECD9E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B2CB737-0C90-5400-BFCD-3BA72D4D8A7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3823B2E-AC4A-3B9C-3121-06AB5068B8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4ECA023-CFB6-F0E0-9F5B-7B061C29E1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0863995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 dirty="0">
                <a:solidFill>
                  <a:schemeClr val="tx1"/>
                </a:solidFill>
              </a:rPr>
              <a:t>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 dirty="0">
                <a:solidFill>
                  <a:schemeClr val="tx1"/>
                </a:solidFill>
              </a:rPr>
              <a:t>HEIGHT OF EVENT LOCKUP    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 dirty="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78392257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06/06/2024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258388733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E2BB958-C86E-0D12-24A6-3DB2F3696D9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7DBE1DE-2385-B4DD-03A8-9F1355AB983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A5619E9-7CD2-BE0A-17CB-B20E439C7C9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553EDC6-1CDC-EF87-D256-C76F3851A1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5BA84BD-000A-718D-CEFE-B4979D886FA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616618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7747A89-8CFD-FEFA-380F-3CEA3AA5E1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12C6E0C-1F24-7162-7604-D8B44A08930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22139C-DD1D-7B3E-82A5-72E92239B6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4B9195-2BFF-D11C-6689-E35963CC4F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A995230-3AA3-F1FE-DB4A-85FD1298269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6919540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83C72DF-BC2B-3646-0F60-3E0EF8320B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FB63CA1-E02F-9978-D640-C0F97FDB8C90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DD2A09A-A073-322E-5479-E41B3C22678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3E63B27-5F18-A293-72B6-02FCC1E5ABC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6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5B349C8-326A-77E1-6451-D6CC6F3BB0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D04864E-A030-D3BE-2B62-4C52A2EFC7F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6744216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49CC9A8-8020-0239-21A7-63B1ADF2D3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C3B7A9D-DD33-B757-18A1-10DAC3E4046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35A217E-3E99-4DAA-F62B-597F3966228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C55F044-17DF-5A8A-94F7-09E6ABF59E08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2450FAE-0FC9-CCDD-BB39-A007ED4E3C7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E896B45-676B-F283-053F-96D7C8339AA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6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3DD78474-B8F8-E77B-8F7E-FC2CA597A1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738ED5B-B1D9-96CA-251B-D0BC81C1F2B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7706566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A87AFC8-1A99-B581-D99E-EDE357A579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A1EF1DE-1632-0C0D-A650-DB8F4E95A6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6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4A4ED17-C700-CFA5-90EF-0DE7C329802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818A237-736A-664C-00EE-FD821F5BFC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5443752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290A09D-F316-EBD6-4222-93B4C4BACE0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6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1223D32-EAA7-8ABA-083C-A411DEF8C4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31637A5-4118-9AAF-109A-4966D005AF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7977259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B127A30-BE8F-6B0D-F626-5E9FEAF44D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E46F20B-2823-23F2-995A-AAC3843A221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3022F08-88C6-5DDA-381E-4BB27FEDB30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19572C9-2340-33C9-3F30-20BF63257E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6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AE7D679-E01E-7B78-0D29-26F110637C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8343BE8-5C4B-4826-D208-97BBC4361E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5197787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245EADC-1429-0ABD-E6D0-20D7A3A630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A41EC36-BC23-634A-F7C9-DDBFD3E8675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EF503F3-E814-7413-C2C9-535E6EBC911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C4F467E-B29B-55AB-6B88-CD4FC87B25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6/6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7A8AD53-941A-C8C2-3F24-98AAD04CCFD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2A56B9A-E997-DC3C-6E49-9B2B8E27D5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16439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2AC898DD-9F47-84A0-A8F8-E55026476E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B9D2EEE-0DA1-09E9-8DFC-1739C2A04FF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3800C6F-9F95-3747-E2BC-3B58CC904C7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6E86179-4A26-4B5B-8B27-9588173F2037}" type="datetimeFigureOut">
              <a:rPr lang="en-US" smtClean="0"/>
              <a:t>6/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C2E7D2C-0901-B474-2F89-A2ABB823869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38C2BA2-7132-350D-12C2-1269BDDD364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808523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3.xml"/><Relationship Id="rId7" Type="http://schemas.openxmlformats.org/officeDocument/2006/relationships/image" Target="../media/image3.png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image" Target="../media/image2.png"/><Relationship Id="rId5" Type="http://schemas.openxmlformats.org/officeDocument/2006/relationships/image" Target="../media/image1.jpeg"/><Relationship Id="rId4" Type="http://schemas.openxmlformats.org/officeDocument/2006/relationships/slideLayout" Target="../slideLayouts/slideLayout1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hyperlink" Target="https://www.iata.org/en/events/all/cns-partnership-conference/" TargetMode="External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3.xml"/><Relationship Id="rId2" Type="http://schemas.openxmlformats.org/officeDocument/2006/relationships/tags" Target="../tags/tag5.xml"/><Relationship Id="rId1" Type="http://schemas.openxmlformats.org/officeDocument/2006/relationships/tags" Target="../tags/tag4.xml"/><Relationship Id="rId6" Type="http://schemas.openxmlformats.org/officeDocument/2006/relationships/image" Target="../media/image2.png"/><Relationship Id="rId5" Type="http://schemas.openxmlformats.org/officeDocument/2006/relationships/image" Target="../media/image3.png"/><Relationship Id="rId4" Type="http://schemas.openxmlformats.org/officeDocument/2006/relationships/image" Target="../media/image1.jpe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tags" Target="../tags/tag8.xml"/><Relationship Id="rId7" Type="http://schemas.openxmlformats.org/officeDocument/2006/relationships/image" Target="../media/image3.png"/><Relationship Id="rId2" Type="http://schemas.openxmlformats.org/officeDocument/2006/relationships/tags" Target="../tags/tag7.xml"/><Relationship Id="rId1" Type="http://schemas.openxmlformats.org/officeDocument/2006/relationships/tags" Target="../tags/tag6.xml"/><Relationship Id="rId6" Type="http://schemas.openxmlformats.org/officeDocument/2006/relationships/image" Target="../media/image2.png"/><Relationship Id="rId5" Type="http://schemas.openxmlformats.org/officeDocument/2006/relationships/image" Target="../media/image1.jpeg"/><Relationship Id="rId4" Type="http://schemas.openxmlformats.org/officeDocument/2006/relationships/slideLayout" Target="../slideLayouts/slideLayout1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ackground Image">
            <a:extLst>
              <a:ext uri="{FF2B5EF4-FFF2-40B4-BE49-F238E27FC236}">
                <a16:creationId xmlns:a16="http://schemas.microsoft.com/office/drawing/2014/main" id="{4C8D5E7D-B7D0-956A-CC67-9F47B016CA29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696" r="2696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11" name="GRADIENT">
            <a:extLst>
              <a:ext uri="{FF2B5EF4-FFF2-40B4-BE49-F238E27FC236}">
                <a16:creationId xmlns:a16="http://schemas.microsoft.com/office/drawing/2014/main" id="{1F2D0138-A200-A91F-7B3D-2516AE2A5E50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70000"/>
                </a:schemeClr>
              </a:gs>
              <a:gs pos="59000">
                <a:schemeClr val="tx1">
                  <a:alpha val="0"/>
                </a:schemeClr>
              </a:gs>
            </a:gsLst>
            <a:lin ang="189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GRADIENT" hidden="1">
            <a:extLst>
              <a:ext uri="{FF2B5EF4-FFF2-40B4-BE49-F238E27FC236}">
                <a16:creationId xmlns:a16="http://schemas.microsoft.com/office/drawing/2014/main" id="{A291C34A-FAF1-683D-3DA4-62261254622A}"/>
              </a:ext>
            </a:extLst>
          </p:cNvPr>
          <p:cNvSpPr>
            <a:spLocks/>
          </p:cNvSpPr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70000"/>
                </a:schemeClr>
              </a:gs>
              <a:gs pos="59000">
                <a:schemeClr val="tx1">
                  <a:alpha val="0"/>
                </a:schemeClr>
              </a:gs>
            </a:gsLst>
            <a:lin ang="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GRADIENT" hidden="1">
            <a:extLst>
              <a:ext uri="{FF2B5EF4-FFF2-40B4-BE49-F238E27FC236}">
                <a16:creationId xmlns:a16="http://schemas.microsoft.com/office/drawing/2014/main" id="{240937C8-2FBF-6840-8CC4-B3BF5AAC90EF}"/>
              </a:ext>
            </a:extLst>
          </p:cNvPr>
          <p:cNvSpPr>
            <a:spLocks/>
          </p:cNvSpPr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70000"/>
                </a:schemeClr>
              </a:gs>
              <a:gs pos="59000">
                <a:schemeClr val="tx1">
                  <a:alpha val="0"/>
                </a:schemeClr>
              </a:gs>
            </a:gsLst>
            <a:lin ang="135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Title 29">
            <a:extLst>
              <a:ext uri="{FF2B5EF4-FFF2-40B4-BE49-F238E27FC236}">
                <a16:creationId xmlns:a16="http://schemas.microsoft.com/office/drawing/2014/main" id="{A8B114A4-2918-EB2B-8534-67CCE7C155A4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ctrTitle"/>
          </p:nvPr>
        </p:nvSpPr>
        <p:spPr>
          <a:xfrm>
            <a:off x="473283" y="3999896"/>
            <a:ext cx="5904000" cy="1753204"/>
          </a:xfrm>
        </p:spPr>
        <p:txBody>
          <a:bodyPr/>
          <a:lstStyle/>
          <a:p>
            <a:r>
              <a:rPr lang="en-US" dirty="0"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Promotional Kit</a:t>
            </a:r>
          </a:p>
        </p:txBody>
      </p:sp>
      <p:sp>
        <p:nvSpPr>
          <p:cNvPr id="18" name="Subtitle 30">
            <a:extLst>
              <a:ext uri="{FF2B5EF4-FFF2-40B4-BE49-F238E27FC236}">
                <a16:creationId xmlns:a16="http://schemas.microsoft.com/office/drawing/2014/main" id="{3303AB1C-A1C6-67B3-6D5F-F41ABB624B23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subTitle" idx="1"/>
          </p:nvPr>
        </p:nvSpPr>
        <p:spPr>
          <a:xfrm>
            <a:off x="505942" y="3141132"/>
            <a:ext cx="5904000" cy="850297"/>
          </a:xfrm>
        </p:spPr>
        <p:txBody>
          <a:bodyPr/>
          <a:lstStyle/>
          <a:p>
            <a:r>
              <a:rPr lang="cs-CZ" b="1" dirty="0"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Miami</a:t>
            </a:r>
            <a:r>
              <a:rPr lang="it-IT" b="1" dirty="0"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, </a:t>
            </a:r>
            <a:r>
              <a:rPr lang="cs-CZ" b="1" dirty="0"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USA</a:t>
            </a:r>
            <a:r>
              <a:rPr lang="it-IT" b="1" dirty="0"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  </a:t>
            </a:r>
          </a:p>
          <a:p>
            <a:r>
              <a:rPr lang="it-IT" b="1" dirty="0"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1</a:t>
            </a:r>
            <a:r>
              <a:rPr lang="cs-CZ" b="1" dirty="0"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3</a:t>
            </a:r>
            <a:r>
              <a:rPr lang="it-IT" b="1" dirty="0"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-1</a:t>
            </a:r>
            <a:r>
              <a:rPr lang="cs-CZ" b="1" dirty="0"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5 May</a:t>
            </a:r>
            <a:r>
              <a:rPr lang="it-IT" b="1" dirty="0"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 202</a:t>
            </a:r>
            <a:r>
              <a:rPr lang="cs-CZ" b="1" dirty="0"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5</a:t>
            </a:r>
            <a:endParaRPr lang="it-IT" b="1" dirty="0">
              <a:latin typeface="Aktiv Grotesk" panose="020B0504020202020204" pitchFamily="34" charset="0"/>
              <a:ea typeface="Aktiv Grotesk" panose="020B0504020202020204" pitchFamily="34" charset="0"/>
              <a:cs typeface="Aktiv Grotesk" panose="020B0504020202020204" pitchFamily="34" charset="0"/>
            </a:endParaRPr>
          </a:p>
        </p:txBody>
      </p:sp>
      <p:sp>
        <p:nvSpPr>
          <p:cNvPr id="20" name="Footer Placeholder 28">
            <a:extLst>
              <a:ext uri="{FF2B5EF4-FFF2-40B4-BE49-F238E27FC236}">
                <a16:creationId xmlns:a16="http://schemas.microsoft.com/office/drawing/2014/main" id="{8D96D94B-D357-E9CA-7764-2CC38A083F16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512471" y="6124575"/>
            <a:ext cx="4950130" cy="365125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400" dirty="0">
                <a:solidFill>
                  <a:prstClr val="white"/>
                </a:solidFill>
                <a:latin typeface="Aktiv Grotesk"/>
              </a:rPr>
              <a:t>#CNSPartnership</a:t>
            </a:r>
          </a:p>
        </p:txBody>
      </p:sp>
      <p:pic>
        <p:nvPicPr>
          <p:cNvPr id="5" name="Picture 1">
            <a:extLst>
              <a:ext uri="{FF2B5EF4-FFF2-40B4-BE49-F238E27FC236}">
                <a16:creationId xmlns:a16="http://schemas.microsoft.com/office/drawing/2014/main" id="{852D754B-F7AD-852B-765F-77F02CB4C2F8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>
            <p:custDataLst>
              <p:tags r:id="rId2"/>
            </p:custDataLst>
          </p:nvPr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591" r="5854"/>
          <a:stretch/>
        </p:blipFill>
        <p:spPr>
          <a:xfrm>
            <a:off x="616971" y="368300"/>
            <a:ext cx="3311562" cy="2349500"/>
          </a:xfrm>
          <a:prstGeom prst="rect">
            <a:avLst/>
          </a:prstGeom>
        </p:spPr>
      </p:pic>
      <p:pic>
        <p:nvPicPr>
          <p:cNvPr id="9" name="CNS logo">
            <a:extLst>
              <a:ext uri="{FF2B5EF4-FFF2-40B4-BE49-F238E27FC236}">
                <a16:creationId xmlns:a16="http://schemas.microsoft.com/office/drawing/2014/main" id="{F0C02F47-3EEA-378B-0C69-BFAA50BC864D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>
            <p:custDataLst>
              <p:tags r:id="rId3"/>
            </p:custDataLst>
          </p:nvPr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719108" y="5463914"/>
            <a:ext cx="2354983" cy="109899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48576720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ZoneTexte 4">
            <a:extLst>
              <a:ext uri="{FF2B5EF4-FFF2-40B4-BE49-F238E27FC236}">
                <a16:creationId xmlns:a16="http://schemas.microsoft.com/office/drawing/2014/main" id="{8C2F15C8-4893-5703-E7FC-E8C0F7FE8EDB}"/>
              </a:ext>
            </a:extLst>
          </p:cNvPr>
          <p:cNvSpPr txBox="1"/>
          <p:nvPr/>
        </p:nvSpPr>
        <p:spPr>
          <a:xfrm>
            <a:off x="381000" y="1384145"/>
            <a:ext cx="11214678" cy="2044855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Aktiv Grotesk XBold" panose="020B0804020202020204" pitchFamily="34" charset="-78"/>
              </a:rPr>
              <a:t>Customize your own banner 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to promote your participation at the </a:t>
            </a:r>
            <a:r>
              <a:rPr lang="cs-CZ" sz="1600" b="1" dirty="0">
                <a:solidFill>
                  <a:srgbClr val="1E32FA"/>
                </a:solidFill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CNS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!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3333FF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 XBold" panose="020B0804020202020204" pitchFamily="34" charset="-78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1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In the next slide click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in the circle to insert your profile picture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2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Enter a message of your choice in the box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3: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Select all the items on the slide (CTRL+A), click right and hit “Save as picture”</a:t>
            </a: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Your banner is ready to use.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Make sure to include the link to the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  <a:hlinkClick r:id="rId2"/>
              </a:rPr>
              <a:t>CNS Website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! 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srgbClr val="1E32FA"/>
              </a:solidFill>
              <a:effectLst/>
              <a:uLnTx/>
              <a:uFillTx/>
              <a:latin typeface="Aktiv Grotesk"/>
              <a:ea typeface="Aktiv Grotesk"/>
              <a:cs typeface="Aktiv Grotesk"/>
            </a:endParaRP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81AC7058-B3A9-4B5B-2A01-07F0A404A047}"/>
              </a:ext>
            </a:extLst>
          </p:cNvPr>
          <p:cNvSpPr txBox="1">
            <a:spLocks/>
          </p:cNvSpPr>
          <p:nvPr/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accent1"/>
                </a:solidFill>
                <a:latin typeface="+mn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400" b="0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j-ea"/>
                <a:cs typeface="+mj-cs"/>
              </a:rPr>
              <a:t>Event Promotion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1A038923-FFF2-2388-BD59-A0D9B2853285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3662923" y="3687438"/>
            <a:ext cx="4866155" cy="2736590"/>
          </a:xfrm>
          <a:prstGeom prst="rect">
            <a:avLst/>
          </a:prstGeom>
        </p:spPr>
      </p:pic>
      <p:grpSp>
        <p:nvGrpSpPr>
          <p:cNvPr id="2" name="Group 1">
            <a:extLst>
              <a:ext uri="{FF2B5EF4-FFF2-40B4-BE49-F238E27FC236}">
                <a16:creationId xmlns:a16="http://schemas.microsoft.com/office/drawing/2014/main" id="{0CFE268F-2B5A-FE18-B803-8209BD2B547A}"/>
              </a:ext>
            </a:extLst>
          </p:cNvPr>
          <p:cNvGrpSpPr>
            <a:grpSpLocks noGrp="1" noUngrp="1" noRot="1" noMove="1" noResize="1"/>
          </p:cNvGrpSpPr>
          <p:nvPr/>
        </p:nvGrpSpPr>
        <p:grpSpPr>
          <a:xfrm>
            <a:off x="6819899" y="4169313"/>
            <a:ext cx="1030259" cy="886420"/>
            <a:chOff x="873631" y="953474"/>
            <a:chExt cx="1817385" cy="1668072"/>
          </a:xfrm>
        </p:grpSpPr>
        <p:sp>
          <p:nvSpPr>
            <p:cNvPr id="6" name="Freeform: Shape 5">
              <a:extLst>
                <a:ext uri="{FF2B5EF4-FFF2-40B4-BE49-F238E27FC236}">
                  <a16:creationId xmlns:a16="http://schemas.microsoft.com/office/drawing/2014/main" id="{04399CA1-5DA6-32CA-ACDE-30862877F8EC}"/>
                </a:ext>
              </a:extLst>
            </p:cNvPr>
            <p:cNvSpPr>
              <a:spLocks noGrp="1" noRot="1" noMove="1" noResize="1" noEditPoints="1" noAdjustHandles="1" noChangeArrowheads="1" noChangeShapeType="1"/>
            </p:cNvSpPr>
            <p:nvPr/>
          </p:nvSpPr>
          <p:spPr>
            <a:xfrm>
              <a:off x="2184310" y="2114841"/>
              <a:ext cx="506706" cy="506705"/>
            </a:xfrm>
            <a:custGeom>
              <a:avLst/>
              <a:gdLst>
                <a:gd name="connsiteX0" fmla="*/ 533055 w 506705"/>
                <a:gd name="connsiteY0" fmla="*/ 533053 h 506704"/>
                <a:gd name="connsiteX1" fmla="*/ 0 w 506705"/>
                <a:gd name="connsiteY1" fmla="*/ 0 h 506704"/>
                <a:gd name="connsiteX2" fmla="*/ 0 w 506705"/>
                <a:gd name="connsiteY2" fmla="*/ 533053 h 506704"/>
                <a:gd name="connsiteX3" fmla="*/ 533055 w 506705"/>
                <a:gd name="connsiteY3" fmla="*/ 533053 h 50670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06705" h="506704">
                  <a:moveTo>
                    <a:pt x="533055" y="533053"/>
                  </a:moveTo>
                  <a:cubicBezTo>
                    <a:pt x="533055" y="238827"/>
                    <a:pt x="294565" y="0"/>
                    <a:pt x="0" y="0"/>
                  </a:cubicBezTo>
                  <a:lnTo>
                    <a:pt x="0" y="533053"/>
                  </a:lnTo>
                  <a:lnTo>
                    <a:pt x="533055" y="533053"/>
                  </a:lnTo>
                  <a:close/>
                </a:path>
              </a:pathLst>
            </a:custGeom>
            <a:solidFill>
              <a:srgbClr val="1E32FA"/>
            </a:solidFill>
            <a:ln w="3377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7" name="Freeform: Shape 6">
              <a:extLst>
                <a:ext uri="{FF2B5EF4-FFF2-40B4-BE49-F238E27FC236}">
                  <a16:creationId xmlns:a16="http://schemas.microsoft.com/office/drawing/2014/main" id="{E1C7CD47-F576-3C6F-9848-00BF57B90D2F}"/>
                </a:ext>
              </a:extLst>
            </p:cNvPr>
            <p:cNvSpPr>
              <a:spLocks noGrp="1" noRot="1" noMove="1" noResize="1" noEditPoints="1" noAdjustHandles="1" noChangeArrowheads="1" noChangeShapeType="1"/>
            </p:cNvSpPr>
            <p:nvPr/>
          </p:nvSpPr>
          <p:spPr>
            <a:xfrm>
              <a:off x="873631" y="2114504"/>
              <a:ext cx="506706" cy="506705"/>
            </a:xfrm>
            <a:custGeom>
              <a:avLst/>
              <a:gdLst>
                <a:gd name="connsiteX0" fmla="*/ 0 w 506705"/>
                <a:gd name="connsiteY0" fmla="*/ 533054 h 506704"/>
                <a:gd name="connsiteX1" fmla="*/ 533054 w 506705"/>
                <a:gd name="connsiteY1" fmla="*/ 0 h 506704"/>
                <a:gd name="connsiteX2" fmla="*/ 533054 w 506705"/>
                <a:gd name="connsiteY2" fmla="*/ 533054 h 506704"/>
                <a:gd name="connsiteX3" fmla="*/ 0 w 506705"/>
                <a:gd name="connsiteY3" fmla="*/ 533054 h 50670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06705" h="506704">
                  <a:moveTo>
                    <a:pt x="0" y="533054"/>
                  </a:moveTo>
                  <a:cubicBezTo>
                    <a:pt x="0" y="238827"/>
                    <a:pt x="238490" y="0"/>
                    <a:pt x="533054" y="0"/>
                  </a:cubicBezTo>
                  <a:lnTo>
                    <a:pt x="533054" y="533054"/>
                  </a:lnTo>
                  <a:lnTo>
                    <a:pt x="0" y="533054"/>
                  </a:lnTo>
                  <a:close/>
                </a:path>
              </a:pathLst>
            </a:custGeom>
            <a:solidFill>
              <a:srgbClr val="1E32FA"/>
            </a:solidFill>
            <a:ln w="3377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8" name="Freeform: Shape 7">
              <a:extLst>
                <a:ext uri="{FF2B5EF4-FFF2-40B4-BE49-F238E27FC236}">
                  <a16:creationId xmlns:a16="http://schemas.microsoft.com/office/drawing/2014/main" id="{AFD15A59-DA47-30A9-D656-37ABA7E3435F}"/>
                </a:ext>
              </a:extLst>
            </p:cNvPr>
            <p:cNvSpPr>
              <a:spLocks noGrp="1" noRot="1" noMove="1" noResize="1" noEditPoints="1" noAdjustHandles="1" noChangeArrowheads="1" noChangeShapeType="1"/>
            </p:cNvSpPr>
            <p:nvPr/>
          </p:nvSpPr>
          <p:spPr>
            <a:xfrm>
              <a:off x="1262781" y="953474"/>
              <a:ext cx="1047192" cy="1047190"/>
            </a:xfrm>
            <a:custGeom>
              <a:avLst/>
              <a:gdLst>
                <a:gd name="connsiteX0" fmla="*/ 1065433 w 1047191"/>
                <a:gd name="connsiteY0" fmla="*/ 532716 h 1047189"/>
                <a:gd name="connsiteX1" fmla="*/ 532717 w 1047191"/>
                <a:gd name="connsiteY1" fmla="*/ 1065431 h 1047189"/>
                <a:gd name="connsiteX2" fmla="*/ 0 w 1047191"/>
                <a:gd name="connsiteY2" fmla="*/ 532716 h 1047189"/>
                <a:gd name="connsiteX3" fmla="*/ 532717 w 1047191"/>
                <a:gd name="connsiteY3" fmla="*/ 0 h 1047189"/>
                <a:gd name="connsiteX4" fmla="*/ 1065433 w 1047191"/>
                <a:gd name="connsiteY4" fmla="*/ 532716 h 104718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047191" h="1047189">
                  <a:moveTo>
                    <a:pt x="1065433" y="532716"/>
                  </a:moveTo>
                  <a:cubicBezTo>
                    <a:pt x="1065433" y="826926"/>
                    <a:pt x="826928" y="1065431"/>
                    <a:pt x="532717" y="1065431"/>
                  </a:cubicBezTo>
                  <a:cubicBezTo>
                    <a:pt x="238505" y="1065431"/>
                    <a:pt x="0" y="826926"/>
                    <a:pt x="0" y="532716"/>
                  </a:cubicBezTo>
                  <a:cubicBezTo>
                    <a:pt x="0" y="238505"/>
                    <a:pt x="238505" y="0"/>
                    <a:pt x="532717" y="0"/>
                  </a:cubicBezTo>
                  <a:cubicBezTo>
                    <a:pt x="826928" y="0"/>
                    <a:pt x="1065433" y="238505"/>
                    <a:pt x="1065433" y="532716"/>
                  </a:cubicBezTo>
                  <a:close/>
                </a:path>
              </a:pathLst>
            </a:custGeom>
            <a:solidFill>
              <a:srgbClr val="FAC832"/>
            </a:solidFill>
            <a:ln w="3377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9" name="Freeform: Shape 8">
              <a:extLst>
                <a:ext uri="{FF2B5EF4-FFF2-40B4-BE49-F238E27FC236}">
                  <a16:creationId xmlns:a16="http://schemas.microsoft.com/office/drawing/2014/main" id="{9543E7CF-3937-9A7A-08C9-8A48D71088C4}"/>
                </a:ext>
              </a:extLst>
            </p:cNvPr>
            <p:cNvSpPr>
              <a:spLocks noGrp="1" noRot="1" noMove="1" noResize="1" noEditPoints="1" noAdjustHandles="1" noChangeArrowheads="1" noChangeShapeType="1"/>
            </p:cNvSpPr>
            <p:nvPr/>
          </p:nvSpPr>
          <p:spPr>
            <a:xfrm>
              <a:off x="1528970" y="2114841"/>
              <a:ext cx="506706" cy="506705"/>
            </a:xfrm>
            <a:custGeom>
              <a:avLst/>
              <a:gdLst>
                <a:gd name="connsiteX0" fmla="*/ 0 w 506705"/>
                <a:gd name="connsiteY0" fmla="*/ 0 h 506704"/>
                <a:gd name="connsiteX1" fmla="*/ 533054 w 506705"/>
                <a:gd name="connsiteY1" fmla="*/ 0 h 506704"/>
                <a:gd name="connsiteX2" fmla="*/ 533054 w 506705"/>
                <a:gd name="connsiteY2" fmla="*/ 533053 h 506704"/>
                <a:gd name="connsiteX3" fmla="*/ 0 w 506705"/>
                <a:gd name="connsiteY3" fmla="*/ 533053 h 50670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06705" h="506704">
                  <a:moveTo>
                    <a:pt x="0" y="0"/>
                  </a:moveTo>
                  <a:lnTo>
                    <a:pt x="533054" y="0"/>
                  </a:lnTo>
                  <a:lnTo>
                    <a:pt x="533054" y="533053"/>
                  </a:lnTo>
                  <a:lnTo>
                    <a:pt x="0" y="533053"/>
                  </a:lnTo>
                  <a:close/>
                </a:path>
              </a:pathLst>
            </a:custGeom>
            <a:solidFill>
              <a:srgbClr val="1E32FA"/>
            </a:solidFill>
            <a:ln w="33770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</p:spTree>
    <p:extLst>
      <p:ext uri="{BB962C8B-B14F-4D97-AF65-F5344CB8AC3E}">
        <p14:creationId xmlns:p14="http://schemas.microsoft.com/office/powerpoint/2010/main" val="303578093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ackground Image">
            <a:extLst>
              <a:ext uri="{FF2B5EF4-FFF2-40B4-BE49-F238E27FC236}">
                <a16:creationId xmlns:a16="http://schemas.microsoft.com/office/drawing/2014/main" id="{C4A91859-DAEA-4C22-1362-9EBAC0365C4B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696" r="2696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4" name="GRADIENT">
            <a:extLst>
              <a:ext uri="{FF2B5EF4-FFF2-40B4-BE49-F238E27FC236}">
                <a16:creationId xmlns:a16="http://schemas.microsoft.com/office/drawing/2014/main" id="{366FB2E1-5E49-085D-7279-B0062D39D898}"/>
              </a:ext>
            </a:extLst>
          </p:cNvPr>
          <p:cNvSpPr>
            <a:spLocks/>
          </p:cNvSpPr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70000"/>
                </a:schemeClr>
              </a:gs>
              <a:gs pos="59000">
                <a:schemeClr val="tx1">
                  <a:alpha val="0"/>
                </a:schemeClr>
              </a:gs>
            </a:gsLst>
            <a:lin ang="189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GRADIENT" hidden="1">
            <a:extLst>
              <a:ext uri="{FF2B5EF4-FFF2-40B4-BE49-F238E27FC236}">
                <a16:creationId xmlns:a16="http://schemas.microsoft.com/office/drawing/2014/main" id="{EB13819F-B49E-D35D-0D0C-BC851B9E8ACC}"/>
              </a:ext>
            </a:extLst>
          </p:cNvPr>
          <p:cNvSpPr>
            <a:spLocks/>
          </p:cNvSpPr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70000"/>
                </a:schemeClr>
              </a:gs>
              <a:gs pos="59000">
                <a:schemeClr val="tx1">
                  <a:alpha val="0"/>
                </a:schemeClr>
              </a:gs>
            </a:gsLst>
            <a:lin ang="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GRADIENT" hidden="1">
            <a:extLst>
              <a:ext uri="{FF2B5EF4-FFF2-40B4-BE49-F238E27FC236}">
                <a16:creationId xmlns:a16="http://schemas.microsoft.com/office/drawing/2014/main" id="{0C66D4ED-97EC-DF3F-0205-E6F256E31683}"/>
              </a:ext>
            </a:extLst>
          </p:cNvPr>
          <p:cNvSpPr>
            <a:spLocks/>
          </p:cNvSpPr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70000"/>
                </a:schemeClr>
              </a:gs>
              <a:gs pos="59000">
                <a:schemeClr val="tx1">
                  <a:alpha val="0"/>
                </a:schemeClr>
              </a:gs>
            </a:gsLst>
            <a:lin ang="135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Rectangle">
            <a:extLst>
              <a:ext uri="{FF2B5EF4-FFF2-40B4-BE49-F238E27FC236}">
                <a16:creationId xmlns:a16="http://schemas.microsoft.com/office/drawing/2014/main" id="{22BEFDDE-4F75-E4C1-D461-F2DC7262A728}"/>
              </a:ext>
            </a:extLst>
          </p:cNvPr>
          <p:cNvSpPr/>
          <p:nvPr/>
        </p:nvSpPr>
        <p:spPr>
          <a:xfrm>
            <a:off x="1409" y="4130301"/>
            <a:ext cx="5107620" cy="1638300"/>
          </a:xfrm>
          <a:custGeom>
            <a:avLst/>
            <a:gdLst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136524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0" fmla="*/ 684211 w 6430956"/>
              <a:gd name="connsiteY0" fmla="*/ 1638300 h 1638300"/>
              <a:gd name="connsiteX1" fmla="*/ 684211 w 6430956"/>
              <a:gd name="connsiteY1" fmla="*/ 0 h 1638300"/>
              <a:gd name="connsiteX2" fmla="*/ 6157901 w 6430956"/>
              <a:gd name="connsiteY2" fmla="*/ 0 h 1638300"/>
              <a:gd name="connsiteX3" fmla="*/ 6430956 w 6430956"/>
              <a:gd name="connsiteY3" fmla="*/ 273055 h 1638300"/>
              <a:gd name="connsiteX4" fmla="*/ 6430956 w 6430956"/>
              <a:gd name="connsiteY4" fmla="*/ 1365245 h 1638300"/>
              <a:gd name="connsiteX5" fmla="*/ 6157901 w 6430956"/>
              <a:gd name="connsiteY5" fmla="*/ 1638300 h 1638300"/>
              <a:gd name="connsiteX6" fmla="*/ 684211 w 6430956"/>
              <a:gd name="connsiteY6" fmla="*/ 1638300 h 1638300"/>
              <a:gd name="connsiteX0" fmla="*/ 405694 w 6152439"/>
              <a:gd name="connsiteY0" fmla="*/ 1638300 h 1638300"/>
              <a:gd name="connsiteX1" fmla="*/ 405694 w 6152439"/>
              <a:gd name="connsiteY1" fmla="*/ 0 h 1638300"/>
              <a:gd name="connsiteX2" fmla="*/ 5879384 w 6152439"/>
              <a:gd name="connsiteY2" fmla="*/ 0 h 1638300"/>
              <a:gd name="connsiteX3" fmla="*/ 6152439 w 6152439"/>
              <a:gd name="connsiteY3" fmla="*/ 273055 h 1638300"/>
              <a:gd name="connsiteX4" fmla="*/ 6152439 w 6152439"/>
              <a:gd name="connsiteY4" fmla="*/ 1365245 h 1638300"/>
              <a:gd name="connsiteX5" fmla="*/ 5879384 w 6152439"/>
              <a:gd name="connsiteY5" fmla="*/ 1638300 h 1638300"/>
              <a:gd name="connsiteX6" fmla="*/ 405694 w 6152439"/>
              <a:gd name="connsiteY6" fmla="*/ 1638300 h 1638300"/>
              <a:gd name="connsiteX0" fmla="*/ 4947 w 5751692"/>
              <a:gd name="connsiteY0" fmla="*/ 1638300 h 1638300"/>
              <a:gd name="connsiteX1" fmla="*/ 4947 w 5751692"/>
              <a:gd name="connsiteY1" fmla="*/ 0 h 1638300"/>
              <a:gd name="connsiteX2" fmla="*/ 5478637 w 5751692"/>
              <a:gd name="connsiteY2" fmla="*/ 0 h 1638300"/>
              <a:gd name="connsiteX3" fmla="*/ 5751692 w 5751692"/>
              <a:gd name="connsiteY3" fmla="*/ 273055 h 1638300"/>
              <a:gd name="connsiteX4" fmla="*/ 5751692 w 5751692"/>
              <a:gd name="connsiteY4" fmla="*/ 1365245 h 1638300"/>
              <a:gd name="connsiteX5" fmla="*/ 5478637 w 5751692"/>
              <a:gd name="connsiteY5" fmla="*/ 1638300 h 1638300"/>
              <a:gd name="connsiteX6" fmla="*/ 4947 w 5751692"/>
              <a:gd name="connsiteY6" fmla="*/ 1638300 h 1638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751692" h="1638300">
                <a:moveTo>
                  <a:pt x="4947" y="1638300"/>
                </a:moveTo>
                <a:cubicBezTo>
                  <a:pt x="3890" y="800100"/>
                  <a:pt x="-5635" y="1181100"/>
                  <a:pt x="4947" y="0"/>
                </a:cubicBezTo>
                <a:lnTo>
                  <a:pt x="5478637" y="0"/>
                </a:lnTo>
                <a:cubicBezTo>
                  <a:pt x="5629441" y="0"/>
                  <a:pt x="5751692" y="122251"/>
                  <a:pt x="5751692" y="273055"/>
                </a:cubicBezTo>
                <a:lnTo>
                  <a:pt x="5751692" y="1365245"/>
                </a:lnTo>
                <a:cubicBezTo>
                  <a:pt x="5751692" y="1516049"/>
                  <a:pt x="5629441" y="1638300"/>
                  <a:pt x="5478637" y="1638300"/>
                </a:cubicBezTo>
                <a:lnTo>
                  <a:pt x="4947" y="1638300"/>
                </a:lnTo>
                <a:close/>
              </a:path>
            </a:pathLst>
          </a:custGeom>
          <a:solidFill>
            <a:srgbClr val="FAC833"/>
          </a:solidFill>
          <a:ln>
            <a:solidFill>
              <a:srgbClr val="FAC83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5" name="Text">
            <a:extLst>
              <a:ext uri="{FF2B5EF4-FFF2-40B4-BE49-F238E27FC236}">
                <a16:creationId xmlns:a16="http://schemas.microsoft.com/office/drawing/2014/main" id="{3805FF7A-3484-1EDE-7EE4-BBE196BA4DB2}"/>
              </a:ext>
            </a:extLst>
          </p:cNvPr>
          <p:cNvSpPr txBox="1"/>
          <p:nvPr/>
        </p:nvSpPr>
        <p:spPr>
          <a:xfrm>
            <a:off x="254021" y="4349286"/>
            <a:ext cx="4602397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sz="1800" b="1" dirty="0">
                <a:latin typeface="Aktiv Grotesk" panose="020B0504020202020204"/>
              </a:rPr>
              <a:t>Type your message here </a:t>
            </a:r>
            <a:r>
              <a:rPr lang="fr-FR" sz="1800" dirty="0">
                <a:latin typeface="Aktiv Grotesk" panose="020B0504020202020204"/>
              </a:rPr>
              <a:t>…</a:t>
            </a:r>
            <a:br>
              <a:rPr lang="fr-FR" sz="1800" dirty="0">
                <a:latin typeface="Aktiv Grotesk" panose="020B0504020202020204"/>
              </a:rPr>
            </a:br>
            <a:r>
              <a:rPr lang="fr-FR" sz="1800" dirty="0">
                <a:latin typeface="Aktiv Grotesk" panose="020B0504020202020204"/>
              </a:rPr>
              <a:t>You can add your name, your session or any other wording you wish. Reduce font size as needed.</a:t>
            </a:r>
          </a:p>
        </p:txBody>
      </p:sp>
      <p:pic>
        <p:nvPicPr>
          <p:cNvPr id="12" name="IATA logo">
            <a:extLst>
              <a:ext uri="{FF2B5EF4-FFF2-40B4-BE49-F238E27FC236}">
                <a16:creationId xmlns:a16="http://schemas.microsoft.com/office/drawing/2014/main" id="{95DD9F2F-7B35-8529-4457-D4EB68B53761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7634" r="1520"/>
          <a:stretch/>
        </p:blipFill>
        <p:spPr>
          <a:xfrm>
            <a:off x="9753600" y="5549615"/>
            <a:ext cx="2184379" cy="960630"/>
          </a:xfrm>
          <a:prstGeom prst="rect">
            <a:avLst/>
          </a:prstGeom>
        </p:spPr>
      </p:pic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FFC8D8F1-EAF3-74D2-C31C-82400BA41FD9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7082973" y="495652"/>
            <a:ext cx="4220390" cy="4225450"/>
          </a:xfrm>
        </p:spPr>
      </p:sp>
      <p:sp>
        <p:nvSpPr>
          <p:cNvPr id="30" name="Subtitle 30">
            <a:extLst>
              <a:ext uri="{FF2B5EF4-FFF2-40B4-BE49-F238E27FC236}">
                <a16:creationId xmlns:a16="http://schemas.microsoft.com/office/drawing/2014/main" id="{1FCC11C5-30B0-29D7-2555-EE00887DAECF}"/>
              </a:ext>
            </a:extLst>
          </p:cNvPr>
          <p:cNvSpPr txBox="1">
            <a:spLocks/>
          </p:cNvSpPr>
          <p:nvPr/>
        </p:nvSpPr>
        <p:spPr>
          <a:xfrm>
            <a:off x="499413" y="3058840"/>
            <a:ext cx="5904000" cy="850297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cs-CZ" sz="2400" b="1" dirty="0">
                <a:solidFill>
                  <a:schemeClr val="bg1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Miami, USA</a:t>
            </a:r>
            <a:endParaRPr lang="it-IT" sz="2400" b="1" dirty="0">
              <a:solidFill>
                <a:schemeClr val="bg1"/>
              </a:solidFill>
              <a:latin typeface="Aktiv Grotesk" panose="020B0504020202020204" pitchFamily="34" charset="0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0" indent="0">
              <a:buNone/>
            </a:pPr>
            <a:r>
              <a:rPr lang="it-IT" sz="2400" b="1" dirty="0">
                <a:solidFill>
                  <a:schemeClr val="bg1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1</a:t>
            </a:r>
            <a:r>
              <a:rPr lang="cs-CZ" sz="2400" b="1" dirty="0">
                <a:solidFill>
                  <a:schemeClr val="bg1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3</a:t>
            </a:r>
            <a:r>
              <a:rPr lang="it-IT" sz="2400" b="1" dirty="0">
                <a:solidFill>
                  <a:schemeClr val="bg1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-1</a:t>
            </a:r>
            <a:r>
              <a:rPr lang="cs-CZ" sz="2400" b="1" dirty="0">
                <a:solidFill>
                  <a:schemeClr val="bg1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5 May</a:t>
            </a:r>
            <a:r>
              <a:rPr lang="it-IT" sz="2400" b="1" dirty="0">
                <a:solidFill>
                  <a:schemeClr val="bg1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 202</a:t>
            </a:r>
            <a:r>
              <a:rPr lang="cs-CZ" sz="2400" b="1" dirty="0">
                <a:solidFill>
                  <a:schemeClr val="bg1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5</a:t>
            </a:r>
            <a:endParaRPr lang="it-IT" sz="2400" b="1" dirty="0">
              <a:solidFill>
                <a:schemeClr val="bg1"/>
              </a:solidFill>
              <a:latin typeface="Aktiv Grotesk" panose="020B0504020202020204" pitchFamily="34" charset="0"/>
              <a:ea typeface="Aktiv Grotesk" panose="020B0504020202020204" pitchFamily="34" charset="0"/>
              <a:cs typeface="Aktiv Grotesk" panose="020B0504020202020204" pitchFamily="34" charset="0"/>
            </a:endParaRPr>
          </a:p>
        </p:txBody>
      </p:sp>
      <p:pic>
        <p:nvPicPr>
          <p:cNvPr id="4" name="Picture 1">
            <a:extLst>
              <a:ext uri="{FF2B5EF4-FFF2-40B4-BE49-F238E27FC236}">
                <a16:creationId xmlns:a16="http://schemas.microsoft.com/office/drawing/2014/main" id="{2A74A773-C2FD-5931-748E-9914629BCBD9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591" r="5854"/>
          <a:stretch/>
        </p:blipFill>
        <p:spPr>
          <a:xfrm>
            <a:off x="616971" y="368300"/>
            <a:ext cx="3311562" cy="23495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8946026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ackground Image">
            <a:extLst>
              <a:ext uri="{FF2B5EF4-FFF2-40B4-BE49-F238E27FC236}">
                <a16:creationId xmlns:a16="http://schemas.microsoft.com/office/drawing/2014/main" id="{52E54D61-6F3F-E6B7-5F6F-590439554BC3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696" r="2696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19" name="GRADIENT">
            <a:extLst>
              <a:ext uri="{FF2B5EF4-FFF2-40B4-BE49-F238E27FC236}">
                <a16:creationId xmlns:a16="http://schemas.microsoft.com/office/drawing/2014/main" id="{B64F73F2-7B13-A3DC-7BEC-70C2623EBF25}"/>
              </a:ext>
            </a:extLst>
          </p:cNvPr>
          <p:cNvSpPr>
            <a:spLocks/>
          </p:cNvSpPr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70000"/>
                </a:schemeClr>
              </a:gs>
              <a:gs pos="59000">
                <a:schemeClr val="tx1">
                  <a:alpha val="0"/>
                </a:schemeClr>
              </a:gs>
            </a:gsLst>
            <a:lin ang="189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GRADIENT" hidden="1">
            <a:extLst>
              <a:ext uri="{FF2B5EF4-FFF2-40B4-BE49-F238E27FC236}">
                <a16:creationId xmlns:a16="http://schemas.microsoft.com/office/drawing/2014/main" id="{FCC6A519-6155-F845-C6B6-5A88787A7D37}"/>
              </a:ext>
            </a:extLst>
          </p:cNvPr>
          <p:cNvSpPr>
            <a:spLocks/>
          </p:cNvSpPr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70000"/>
                </a:schemeClr>
              </a:gs>
              <a:gs pos="59000">
                <a:schemeClr val="tx1">
                  <a:alpha val="0"/>
                </a:schemeClr>
              </a:gs>
            </a:gsLst>
            <a:lin ang="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GRADIENT" hidden="1">
            <a:extLst>
              <a:ext uri="{FF2B5EF4-FFF2-40B4-BE49-F238E27FC236}">
                <a16:creationId xmlns:a16="http://schemas.microsoft.com/office/drawing/2014/main" id="{2C9E56AD-2E0C-0A5B-FA37-14D0A98D3041}"/>
              </a:ext>
            </a:extLst>
          </p:cNvPr>
          <p:cNvSpPr>
            <a:spLocks/>
          </p:cNvSpPr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70000"/>
                </a:schemeClr>
              </a:gs>
              <a:gs pos="59000">
                <a:schemeClr val="tx1">
                  <a:alpha val="0"/>
                </a:schemeClr>
              </a:gs>
            </a:gsLst>
            <a:lin ang="135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Title">
            <a:extLst>
              <a:ext uri="{FF2B5EF4-FFF2-40B4-BE49-F238E27FC236}">
                <a16:creationId xmlns:a16="http://schemas.microsoft.com/office/drawing/2014/main" id="{7E242B1F-447C-C2FD-5776-51AA6272A986}"/>
              </a:ext>
            </a:extLst>
          </p:cNvPr>
          <p:cNvSpPr txBox="1"/>
          <p:nvPr/>
        </p:nvSpPr>
        <p:spPr>
          <a:xfrm>
            <a:off x="611714" y="4457913"/>
            <a:ext cx="7160686" cy="144655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4400" dirty="0">
                <a:solidFill>
                  <a:schemeClr val="bg1"/>
                </a:solidFill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JOIN ME AT </a:t>
            </a:r>
          </a:p>
          <a:p>
            <a:r>
              <a:rPr lang="cs-CZ" sz="4400" dirty="0">
                <a:solidFill>
                  <a:schemeClr val="bg1"/>
                </a:solidFill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CNS</a:t>
            </a:r>
            <a:r>
              <a:rPr lang="en-US" sz="4400" dirty="0">
                <a:solidFill>
                  <a:schemeClr val="bg1"/>
                </a:solidFill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 </a:t>
            </a:r>
            <a:r>
              <a:rPr lang="cs-CZ" sz="4400" dirty="0">
                <a:solidFill>
                  <a:schemeClr val="bg1"/>
                </a:solidFill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Miami </a:t>
            </a:r>
            <a:r>
              <a:rPr lang="en-US" sz="4400" dirty="0">
                <a:solidFill>
                  <a:schemeClr val="bg1"/>
                </a:solidFill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202</a:t>
            </a:r>
            <a:r>
              <a:rPr lang="cs-CZ" sz="4400" dirty="0">
                <a:solidFill>
                  <a:schemeClr val="bg1"/>
                </a:solidFill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5</a:t>
            </a:r>
            <a:r>
              <a:rPr lang="en-US" sz="4400" dirty="0">
                <a:solidFill>
                  <a:schemeClr val="bg1"/>
                </a:solidFill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!</a:t>
            </a:r>
          </a:p>
        </p:txBody>
      </p:sp>
      <p:sp>
        <p:nvSpPr>
          <p:cNvPr id="13" name="Location, Dates">
            <a:extLst>
              <a:ext uri="{FF2B5EF4-FFF2-40B4-BE49-F238E27FC236}">
                <a16:creationId xmlns:a16="http://schemas.microsoft.com/office/drawing/2014/main" id="{80DD1537-C023-F9B5-D2DB-4018078B50A5}"/>
              </a:ext>
            </a:extLst>
          </p:cNvPr>
          <p:cNvSpPr txBox="1"/>
          <p:nvPr/>
        </p:nvSpPr>
        <p:spPr>
          <a:xfrm>
            <a:off x="611715" y="3118352"/>
            <a:ext cx="5009707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cs-CZ" sz="2400" b="1" dirty="0">
                <a:solidFill>
                  <a:schemeClr val="bg1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Miami</a:t>
            </a:r>
            <a:r>
              <a:rPr lang="it-IT" sz="2400" b="1" dirty="0">
                <a:solidFill>
                  <a:schemeClr val="bg1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, </a:t>
            </a:r>
            <a:r>
              <a:rPr lang="cs-CZ" sz="2400" b="1" dirty="0">
                <a:solidFill>
                  <a:schemeClr val="bg1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USA </a:t>
            </a:r>
            <a:br>
              <a:rPr lang="cs-CZ" sz="2400" b="1" dirty="0">
                <a:solidFill>
                  <a:schemeClr val="bg1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</a:br>
            <a:r>
              <a:rPr lang="it-IT" sz="2400" b="1" dirty="0">
                <a:solidFill>
                  <a:schemeClr val="bg1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1</a:t>
            </a:r>
            <a:r>
              <a:rPr lang="cs-CZ" sz="2400" b="1" dirty="0">
                <a:solidFill>
                  <a:schemeClr val="bg1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3</a:t>
            </a:r>
            <a:r>
              <a:rPr lang="it-IT" sz="2400" b="1" dirty="0">
                <a:solidFill>
                  <a:schemeClr val="bg1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-1</a:t>
            </a:r>
            <a:r>
              <a:rPr lang="cs-CZ" sz="2400" b="1" dirty="0">
                <a:solidFill>
                  <a:schemeClr val="bg1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5</a:t>
            </a:r>
            <a:r>
              <a:rPr lang="it-IT" sz="2400" b="1" dirty="0">
                <a:solidFill>
                  <a:schemeClr val="bg1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  202</a:t>
            </a:r>
            <a:r>
              <a:rPr lang="cs-CZ" sz="2400" b="1" dirty="0">
                <a:solidFill>
                  <a:schemeClr val="bg1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5</a:t>
            </a:r>
            <a:endParaRPr lang="it-IT" sz="2400" b="1" dirty="0">
              <a:solidFill>
                <a:schemeClr val="bg1"/>
              </a:solidFill>
              <a:latin typeface="Aktiv Grotesk" panose="020B0504020202020204" pitchFamily="34" charset="0"/>
              <a:ea typeface="Aktiv Grotesk" panose="020B0504020202020204" pitchFamily="34" charset="0"/>
              <a:cs typeface="Aktiv Grotesk" panose="020B0504020202020204" pitchFamily="34" charset="0"/>
            </a:endParaRPr>
          </a:p>
        </p:txBody>
      </p:sp>
      <p:sp>
        <p:nvSpPr>
          <p:cNvPr id="16" name="Footer Placeholder 28">
            <a:extLst>
              <a:ext uri="{FF2B5EF4-FFF2-40B4-BE49-F238E27FC236}">
                <a16:creationId xmlns:a16="http://schemas.microsoft.com/office/drawing/2014/main" id="{07C902A9-9103-7969-CCAD-88221A12D727}"/>
              </a:ext>
            </a:extLst>
          </p:cNvPr>
          <p:cNvSpPr txBox="1">
            <a:spLocks/>
          </p:cNvSpPr>
          <p:nvPr/>
        </p:nvSpPr>
        <p:spPr>
          <a:xfrm>
            <a:off x="620555" y="6162324"/>
            <a:ext cx="4950130" cy="365125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400" dirty="0">
                <a:solidFill>
                  <a:prstClr val="white"/>
                </a:solidFill>
                <a:latin typeface="Aktiv Grotesk"/>
              </a:rPr>
              <a:t>#CNSPartnership</a:t>
            </a:r>
          </a:p>
        </p:txBody>
      </p:sp>
      <p:pic>
        <p:nvPicPr>
          <p:cNvPr id="4" name="Picture 1">
            <a:extLst>
              <a:ext uri="{FF2B5EF4-FFF2-40B4-BE49-F238E27FC236}">
                <a16:creationId xmlns:a16="http://schemas.microsoft.com/office/drawing/2014/main" id="{D8B09F88-DA42-3B7F-1F97-0A6B2198816A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591" r="5854"/>
          <a:stretch/>
        </p:blipFill>
        <p:spPr>
          <a:xfrm>
            <a:off x="616971" y="368300"/>
            <a:ext cx="3311562" cy="2349500"/>
          </a:xfrm>
          <a:prstGeom prst="rect">
            <a:avLst/>
          </a:prstGeom>
        </p:spPr>
      </p:pic>
      <p:pic>
        <p:nvPicPr>
          <p:cNvPr id="5" name="IATA logo">
            <a:extLst>
              <a:ext uri="{FF2B5EF4-FFF2-40B4-BE49-F238E27FC236}">
                <a16:creationId xmlns:a16="http://schemas.microsoft.com/office/drawing/2014/main" id="{3013CA06-F330-6E46-604C-CBCD36358C3B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7634" r="1520"/>
          <a:stretch/>
        </p:blipFill>
        <p:spPr>
          <a:xfrm>
            <a:off x="9753600" y="5549615"/>
            <a:ext cx="2184379" cy="96063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45014488"/>
      </p:ext>
    </p:extLst>
  </p:cSld>
  <p:clrMapOvr>
    <a:masterClrMapping/>
  </p:clrMapOvr>
  <p:transition>
    <p:fade/>
  </p:transition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rakotomavm\AppData\Local\Temp\Templafy\PowerPointVsto\Assets\CNS-PartnershipConference_RGB.png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rakotomavm\AppData\Local\Temp\Templafy\PowerPointVsto\Assets\CNS-Logo_RGB_Neg.png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rakotomavm\AppData\Local\Temp\Templafy\PowerPointVsto\Assets\CNS-Logo_RGB_Neg.png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rakotomavm\AppData\Local\Temp\Templafy\PowerPointVsto\Assets\CNS-PartnershipConference_RGB.png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rakotomavm\AppData\Local\Temp\Templafy\PowerPointVsto\Assets\CNS-PartnershipConference_RGB.png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rakotomavm\AppData\Local\Temp\Templafy\PowerPointVsto\Assets\CNS-Logo_RGB_Neg.png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4ffaaae9-dc8c-459f-a92e-1529c78bcbdb">
      <Terms xmlns="http://schemas.microsoft.com/office/infopath/2007/PartnerControls"/>
    </lcf76f155ced4ddcb4097134ff3c332f>
    <TaxCatchAll xmlns="da655568-1247-43c7-b5ce-0d71de2fb494" xsi:nil="true"/>
    <SharedWithUsers xmlns="86e16ca4-215f-4354-b2b5-4fac53992da1">
      <UserInfo>
        <DisplayName/>
        <AccountId xsi:nil="true"/>
        <AccountType/>
      </UserInfo>
    </SharedWithUsers>
    <MediaLengthInSeconds xmlns="4ffaaae9-dc8c-459f-a92e-1529c78bcbdb" xsi:nil="true"/>
    <Teammemberincharge xmlns="4ffaaae9-dc8c-459f-a92e-1529c78bcbdb" xsi:nil="true"/>
  </documentManagement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2D35BE1AB82ED949983D4C3BEFB295AA" ma:contentTypeVersion="19" ma:contentTypeDescription="Create a new document." ma:contentTypeScope="" ma:versionID="8ddd99b71bf0388c7b93c71865c96e3c">
  <xsd:schema xmlns:xsd="http://www.w3.org/2001/XMLSchema" xmlns:xs="http://www.w3.org/2001/XMLSchema" xmlns:p="http://schemas.microsoft.com/office/2006/metadata/properties" xmlns:ns2="4ffaaae9-dc8c-459f-a92e-1529c78bcbdb" xmlns:ns3="86e16ca4-215f-4354-b2b5-4fac53992da1" xmlns:ns4="da655568-1247-43c7-b5ce-0d71de2fb494" targetNamespace="http://schemas.microsoft.com/office/2006/metadata/properties" ma:root="true" ma:fieldsID="527dc623d05d98141f8c1c9345ae6690" ns2:_="" ns3:_="" ns4:_="">
    <xsd:import namespace="4ffaaae9-dc8c-459f-a92e-1529c78bcbdb"/>
    <xsd:import namespace="86e16ca4-215f-4354-b2b5-4fac53992da1"/>
    <xsd:import namespace="da655568-1247-43c7-b5ce-0d71de2fb494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3:SharedWithUsers" minOccurs="0"/>
                <xsd:element ref="ns3:SharedWithDetails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DateTaken" minOccurs="0"/>
                <xsd:element ref="ns2:lcf76f155ced4ddcb4097134ff3c332f" minOccurs="0"/>
                <xsd:element ref="ns4:TaxCatchAll" minOccurs="0"/>
                <xsd:element ref="ns2:MediaLengthInSeconds" minOccurs="0"/>
                <xsd:element ref="ns2:MediaServiceLocation" minOccurs="0"/>
                <xsd:element ref="ns2:Teammemberincharge" minOccurs="0"/>
                <xsd:element ref="ns2:MediaServiceObjectDetectorVersions" minOccurs="0"/>
                <xsd:element ref="ns2:MediaServiceSearchPropertie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ffaaae9-dc8c-459f-a92e-1529c78bcbdb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4" nillable="true" ma:displayName="Tags" ma:internalName="MediaServiceAutoTags" ma:readOnly="true">
      <xsd:simpleType>
        <xsd:restriction base="dms:Text"/>
      </xsd:simpleType>
    </xsd:element>
    <xsd:element name="MediaServiceOCR" ma:index="15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  <xsd:element name="lcf76f155ced4ddcb4097134ff3c332f" ma:index="20" nillable="true" ma:taxonomy="true" ma:internalName="lcf76f155ced4ddcb4097134ff3c332f" ma:taxonomyFieldName="MediaServiceImageTags" ma:displayName="Image Tags" ma:readOnly="false" ma:fieldId="{5cf76f15-5ced-4ddc-b409-7134ff3c332f}" ma:taxonomyMulti="true" ma:sspId="972a7312-740c-42ad-98bd-109d277010bd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LengthInSeconds" ma:index="22" nillable="true" ma:displayName="MediaLengthInSeconds" ma:hidden="true" ma:internalName="MediaLengthInSeconds" ma:readOnly="true">
      <xsd:simpleType>
        <xsd:restriction base="dms:Unknown"/>
      </xsd:simpleType>
    </xsd:element>
    <xsd:element name="MediaServiceLocation" ma:index="23" nillable="true" ma:displayName="Location" ma:indexed="true" ma:internalName="MediaServiceLocation" ma:readOnly="true">
      <xsd:simpleType>
        <xsd:restriction base="dms:Text"/>
      </xsd:simpleType>
    </xsd:element>
    <xsd:element name="Teammemberincharge" ma:index="24" nillable="true" ma:displayName="Team member in charge" ma:format="Dropdown" ma:internalName="Teammemberincharge">
      <xsd:simpleType>
        <xsd:restriction base="dms:Text">
          <xsd:maxLength value="255"/>
        </xsd:restriction>
      </xsd:simpleType>
    </xsd:element>
    <xsd:element name="MediaServiceObjectDetectorVersions" ma:index="25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26" nillable="true" ma:displayName="MediaServiceSearchProperties" ma:hidden="true" ma:internalName="MediaServiceSearchProperties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6e16ca4-215f-4354-b2b5-4fac53992da1" elementFormDefault="qualified">
    <xsd:import namespace="http://schemas.microsoft.com/office/2006/documentManagement/types"/>
    <xsd:import namespace="http://schemas.microsoft.com/office/infopath/2007/PartnerControls"/>
    <xsd:element name="SharedWithUsers" ma:index="12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3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a655568-1247-43c7-b5ce-0d71de2fb494" elementFormDefault="qualified">
    <xsd:import namespace="http://schemas.microsoft.com/office/2006/documentManagement/types"/>
    <xsd:import namespace="http://schemas.microsoft.com/office/infopath/2007/PartnerControls"/>
    <xsd:element name="TaxCatchAll" ma:index="21" nillable="true" ma:displayName="Taxonomy Catch All Column" ma:hidden="true" ma:list="{7047f723-34d2-452b-a2e8-72a6afe5340e}" ma:internalName="TaxCatchAll" ma:showField="CatchAllData" ma:web="86e16ca4-215f-4354-b2b5-4fac53992da1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B34183C6-7270-4AC2-9CD2-45B68A49FD3D}">
  <ds:schemaRefs>
    <ds:schemaRef ds:uri="4ffaaae9-dc8c-459f-a92e-1529c78bcbdb"/>
    <ds:schemaRef ds:uri="da655568-1247-43c7-b5ce-0d71de2fb494"/>
    <ds:schemaRef ds:uri="http://purl.org/dc/terms/"/>
    <ds:schemaRef ds:uri="http://purl.org/dc/dcmitype/"/>
    <ds:schemaRef ds:uri="http://schemas.microsoft.com/office/infopath/2007/PartnerControls"/>
    <ds:schemaRef ds:uri="http://schemas.microsoft.com/office/2006/documentManagement/types"/>
    <ds:schemaRef ds:uri="86e16ca4-215f-4354-b2b5-4fac53992da1"/>
    <ds:schemaRef ds:uri="http://schemas.microsoft.com/office/2006/metadata/properties"/>
    <ds:schemaRef ds:uri="http://purl.org/dc/elements/1.1/"/>
    <ds:schemaRef ds:uri="http://schemas.openxmlformats.org/package/2006/metadata/core-properties"/>
    <ds:schemaRef ds:uri="http://www.w3.org/XML/1998/namespace"/>
  </ds:schemaRefs>
</ds:datastoreItem>
</file>

<file path=customXml/itemProps2.xml><?xml version="1.0" encoding="utf-8"?>
<ds:datastoreItem xmlns:ds="http://schemas.openxmlformats.org/officeDocument/2006/customXml" ds:itemID="{030F9CF5-8B2D-4C74-AACE-FD6C55EF75C3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5431F4A9-F233-4AB4-9F96-3D0A76A44E0E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4ffaaae9-dc8c-459f-a92e-1529c78bcbdb"/>
    <ds:schemaRef ds:uri="86e16ca4-215f-4354-b2b5-4fac53992da1"/>
    <ds:schemaRef ds:uri="da655568-1247-43c7-b5ce-0d71de2fb494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161</TotalTime>
  <Words>155</Words>
  <Application>Microsoft Office PowerPoint</Application>
  <PresentationFormat>Widescreen</PresentationFormat>
  <Paragraphs>18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10" baseType="lpstr">
      <vt:lpstr>Aktiv Grotesk</vt:lpstr>
      <vt:lpstr>Aktiv Grotesk Medium</vt:lpstr>
      <vt:lpstr>Arial</vt:lpstr>
      <vt:lpstr>Calibri</vt:lpstr>
      <vt:lpstr>Calibri Light</vt:lpstr>
      <vt:lpstr>Office Theme</vt:lpstr>
      <vt:lpstr>Promotional Kit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hristine Murphy</dc:creator>
  <cp:lastModifiedBy>Miora Rakotomavo</cp:lastModifiedBy>
  <cp:revision>2</cp:revision>
  <dcterms:created xsi:type="dcterms:W3CDTF">2023-06-13T12:34:15Z</dcterms:created>
  <dcterms:modified xsi:type="dcterms:W3CDTF">2024-06-06T14:02:4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2D35BE1AB82ED949983D4C3BEFB295AA</vt:lpwstr>
  </property>
  <property fmtid="{D5CDD505-2E9C-101B-9397-08002B2CF9AE}" pid="3" name="MediaServiceImageTags">
    <vt:lpwstr/>
  </property>
  <property fmtid="{D5CDD505-2E9C-101B-9397-08002B2CF9AE}" pid="4" name="Order">
    <vt:r8>515100</vt:r8>
  </property>
  <property fmtid="{D5CDD505-2E9C-101B-9397-08002B2CF9AE}" pid="5" name="xd_Signature">
    <vt:bool>false</vt:bool>
  </property>
  <property fmtid="{D5CDD505-2E9C-101B-9397-08002B2CF9AE}" pid="6" name="xd_ProgID">
    <vt:lpwstr/>
  </property>
  <property fmtid="{D5CDD505-2E9C-101B-9397-08002B2CF9AE}" pid="7" name="ComplianceAssetId">
    <vt:lpwstr/>
  </property>
  <property fmtid="{D5CDD505-2E9C-101B-9397-08002B2CF9AE}" pid="8" name="TemplateUrl">
    <vt:lpwstr/>
  </property>
  <property fmtid="{D5CDD505-2E9C-101B-9397-08002B2CF9AE}" pid="9" name="_ExtendedDescription">
    <vt:lpwstr/>
  </property>
  <property fmtid="{D5CDD505-2E9C-101B-9397-08002B2CF9AE}" pid="10" name="TriggerFlowInfo">
    <vt:lpwstr/>
  </property>
</Properties>
</file>